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7" r:id="rId6"/>
    <p:sldId id="269" r:id="rId7"/>
    <p:sldId id="258" r:id="rId8"/>
    <p:sldId id="259" r:id="rId9"/>
    <p:sldId id="268" r:id="rId10"/>
    <p:sldId id="264" r:id="rId11"/>
    <p:sldId id="263" r:id="rId12"/>
    <p:sldId id="262" r:id="rId13"/>
    <p:sldId id="267" r:id="rId14"/>
    <p:sldId id="260" r:id="rId15"/>
    <p:sldId id="261" r:id="rId16"/>
    <p:sldId id="265" r:id="rId17"/>
  </p:sldIdLst>
  <p:sldSz cx="12192000" cy="6858000"/>
  <p:notesSz cx="6858000" cy="9144000"/>
  <p:custDataLst>
    <p:tags r:id="rId18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85E72B9-D413-42B0-A424-0AABFCBF2CB3}" v="5" dt="2026-05-25T21:54:08.766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014" autoAdjust="0"/>
    <p:restoredTop sz="94660"/>
  </p:normalViewPr>
  <p:slideViewPr>
    <p:cSldViewPr snapToGrid="0">
      <p:cViewPr varScale="1">
        <p:scale>
          <a:sx n="84" d="100"/>
          <a:sy n="84" d="100"/>
        </p:scale>
        <p:origin x="226" y="206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-254"/>
    </p:cViewPr>
  </p:sorterViewPr>
  <p:notesViewPr>
    <p:cSldViewPr>
      <p:cViewPr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microsoft.com/office/2015/10/relationships/revisionInfo" Target="revisionInfo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microsoft.com/office/2016/11/relationships/changesInfo" Target="changesInfos/changesInfo1.xml"/><Relationship Id="rId10" Type="http://schemas.openxmlformats.org/officeDocument/2006/relationships/slide" Target="slides/slide5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Hans Kjeldsen" userId="c6ae5f4a-7389-418d-840f-c0f4e5660c36" providerId="ADAL" clId="{F476AE5A-3EE1-4078-B8AD-B193BD3CAED2}"/>
    <pc:docChg chg="custSel modSld">
      <pc:chgData name="Hans Kjeldsen" userId="c6ae5f4a-7389-418d-840f-c0f4e5660c36" providerId="ADAL" clId="{F476AE5A-3EE1-4078-B8AD-B193BD3CAED2}" dt="2026-05-25T21:56:29.202" v="180" actId="1037"/>
      <pc:docMkLst>
        <pc:docMk/>
      </pc:docMkLst>
      <pc:sldChg chg="modSp mod">
        <pc:chgData name="Hans Kjeldsen" userId="c6ae5f4a-7389-418d-840f-c0f4e5660c36" providerId="ADAL" clId="{F476AE5A-3EE1-4078-B8AD-B193BD3CAED2}" dt="2026-05-25T21:56:13.981" v="137" actId="1037"/>
        <pc:sldMkLst>
          <pc:docMk/>
          <pc:sldMk cId="3110815253" sldId="260"/>
        </pc:sldMkLst>
        <pc:spChg chg="mod">
          <ac:chgData name="Hans Kjeldsen" userId="c6ae5f4a-7389-418d-840f-c0f4e5660c36" providerId="ADAL" clId="{F476AE5A-3EE1-4078-B8AD-B193BD3CAED2}" dt="2026-05-25T21:56:13.981" v="137" actId="1037"/>
          <ac:spMkLst>
            <pc:docMk/>
            <pc:sldMk cId="3110815253" sldId="260"/>
            <ac:spMk id="16" creationId="{2B70C736-4B80-A659-F183-CAF83F8CFA48}"/>
          </ac:spMkLst>
        </pc:spChg>
      </pc:sldChg>
      <pc:sldChg chg="modSp mod">
        <pc:chgData name="Hans Kjeldsen" userId="c6ae5f4a-7389-418d-840f-c0f4e5660c36" providerId="ADAL" clId="{F476AE5A-3EE1-4078-B8AD-B193BD3CAED2}" dt="2026-05-25T21:56:02.391" v="111" actId="1037"/>
        <pc:sldMkLst>
          <pc:docMk/>
          <pc:sldMk cId="274349713" sldId="261"/>
        </pc:sldMkLst>
        <pc:spChg chg="mod">
          <ac:chgData name="Hans Kjeldsen" userId="c6ae5f4a-7389-418d-840f-c0f4e5660c36" providerId="ADAL" clId="{F476AE5A-3EE1-4078-B8AD-B193BD3CAED2}" dt="2026-05-25T21:56:02.391" v="111" actId="1037"/>
          <ac:spMkLst>
            <pc:docMk/>
            <pc:sldMk cId="274349713" sldId="261"/>
            <ac:spMk id="8" creationId="{05C88924-8B18-30E2-4E77-5215EEBB7982}"/>
          </ac:spMkLst>
        </pc:spChg>
      </pc:sldChg>
      <pc:sldChg chg="addSp delSp modSp mod">
        <pc:chgData name="Hans Kjeldsen" userId="c6ae5f4a-7389-418d-840f-c0f4e5660c36" providerId="ADAL" clId="{F476AE5A-3EE1-4078-B8AD-B193BD3CAED2}" dt="2026-05-25T21:56:29.202" v="180" actId="1037"/>
        <pc:sldMkLst>
          <pc:docMk/>
          <pc:sldMk cId="2353455780" sldId="262"/>
        </pc:sldMkLst>
        <pc:spChg chg="mod">
          <ac:chgData name="Hans Kjeldsen" userId="c6ae5f4a-7389-418d-840f-c0f4e5660c36" providerId="ADAL" clId="{F476AE5A-3EE1-4078-B8AD-B193BD3CAED2}" dt="2026-05-25T21:56:29.202" v="180" actId="1037"/>
          <ac:spMkLst>
            <pc:docMk/>
            <pc:sldMk cId="2353455780" sldId="262"/>
            <ac:spMk id="9" creationId="{6AD8A728-6439-4222-A62F-E992C9E86975}"/>
          </ac:spMkLst>
        </pc:spChg>
        <pc:picChg chg="del">
          <ac:chgData name="Hans Kjeldsen" userId="c6ae5f4a-7389-418d-840f-c0f4e5660c36" providerId="ADAL" clId="{F476AE5A-3EE1-4078-B8AD-B193BD3CAED2}" dt="2026-05-25T21:54:16.307" v="5" actId="478"/>
          <ac:picMkLst>
            <pc:docMk/>
            <pc:sldMk cId="2353455780" sldId="262"/>
            <ac:picMk id="2" creationId="{34151029-F834-8562-69C6-2DE5315E22F1}"/>
          </ac:picMkLst>
        </pc:picChg>
        <pc:picChg chg="add mod">
          <ac:chgData name="Hans Kjeldsen" userId="c6ae5f4a-7389-418d-840f-c0f4e5660c36" providerId="ADAL" clId="{F476AE5A-3EE1-4078-B8AD-B193BD3CAED2}" dt="2026-05-25T21:53:57.712" v="0"/>
          <ac:picMkLst>
            <pc:docMk/>
            <pc:sldMk cId="2353455780" sldId="262"/>
            <ac:picMk id="3" creationId="{DE552231-7E31-9ADB-EE7F-8A59937BA009}"/>
          </ac:picMkLst>
        </pc:picChg>
        <pc:picChg chg="add mod">
          <ac:chgData name="Hans Kjeldsen" userId="c6ae5f4a-7389-418d-840f-c0f4e5660c36" providerId="ADAL" clId="{F476AE5A-3EE1-4078-B8AD-B193BD3CAED2}" dt="2026-05-25T21:53:57.712" v="0"/>
          <ac:picMkLst>
            <pc:docMk/>
            <pc:sldMk cId="2353455780" sldId="262"/>
            <ac:picMk id="4" creationId="{E29C54FC-BE57-B461-2CE9-D924A7848DCA}"/>
          </ac:picMkLst>
        </pc:picChg>
        <pc:picChg chg="add mod">
          <ac:chgData name="Hans Kjeldsen" userId="c6ae5f4a-7389-418d-840f-c0f4e5660c36" providerId="ADAL" clId="{F476AE5A-3EE1-4078-B8AD-B193BD3CAED2}" dt="2026-05-25T21:53:57.712" v="0"/>
          <ac:picMkLst>
            <pc:docMk/>
            <pc:sldMk cId="2353455780" sldId="262"/>
            <ac:picMk id="5" creationId="{E4D602CC-AF35-C560-FFAF-711343A55A96}"/>
          </ac:picMkLst>
        </pc:picChg>
      </pc:sldChg>
      <pc:sldChg chg="addSp delSp modSp mod">
        <pc:chgData name="Hans Kjeldsen" userId="c6ae5f4a-7389-418d-840f-c0f4e5660c36" providerId="ADAL" clId="{F476AE5A-3EE1-4078-B8AD-B193BD3CAED2}" dt="2026-05-25T21:56:21.857" v="153" actId="1037"/>
        <pc:sldMkLst>
          <pc:docMk/>
          <pc:sldMk cId="3169871959" sldId="267"/>
        </pc:sldMkLst>
        <pc:spChg chg="mod">
          <ac:chgData name="Hans Kjeldsen" userId="c6ae5f4a-7389-418d-840f-c0f4e5660c36" providerId="ADAL" clId="{F476AE5A-3EE1-4078-B8AD-B193BD3CAED2}" dt="2026-05-25T21:56:21.857" v="153" actId="1037"/>
          <ac:spMkLst>
            <pc:docMk/>
            <pc:sldMk cId="3169871959" sldId="267"/>
            <ac:spMk id="4" creationId="{C2C34567-59CD-7136-64DD-5C6AA3BF6CDA}"/>
          </ac:spMkLst>
        </pc:spChg>
        <pc:picChg chg="del">
          <ac:chgData name="Hans Kjeldsen" userId="c6ae5f4a-7389-418d-840f-c0f4e5660c36" providerId="ADAL" clId="{F476AE5A-3EE1-4078-B8AD-B193BD3CAED2}" dt="2026-05-25T21:54:07.403" v="3" actId="478"/>
          <ac:picMkLst>
            <pc:docMk/>
            <pc:sldMk cId="3169871959" sldId="267"/>
            <ac:picMk id="2" creationId="{33D95B87-FFD3-2BCA-0C9F-CCB5CE95A5C2}"/>
          </ac:picMkLst>
        </pc:picChg>
        <pc:picChg chg="del">
          <ac:chgData name="Hans Kjeldsen" userId="c6ae5f4a-7389-418d-840f-c0f4e5660c36" providerId="ADAL" clId="{F476AE5A-3EE1-4078-B8AD-B193BD3CAED2}" dt="2026-05-25T21:54:05.927" v="1" actId="478"/>
          <ac:picMkLst>
            <pc:docMk/>
            <pc:sldMk cId="3169871959" sldId="267"/>
            <ac:picMk id="5" creationId="{3206A377-7E3E-D051-23AA-14C547DD9048}"/>
          </ac:picMkLst>
        </pc:picChg>
        <pc:picChg chg="del">
          <ac:chgData name="Hans Kjeldsen" userId="c6ae5f4a-7389-418d-840f-c0f4e5660c36" providerId="ADAL" clId="{F476AE5A-3EE1-4078-B8AD-B193BD3CAED2}" dt="2026-05-25T21:54:06.803" v="2" actId="478"/>
          <ac:picMkLst>
            <pc:docMk/>
            <pc:sldMk cId="3169871959" sldId="267"/>
            <ac:picMk id="6" creationId="{1C0E9A3B-47F5-1182-6D2B-EB9405D1C47B}"/>
          </ac:picMkLst>
        </pc:picChg>
        <pc:picChg chg="add mod">
          <ac:chgData name="Hans Kjeldsen" userId="c6ae5f4a-7389-418d-840f-c0f4e5660c36" providerId="ADAL" clId="{F476AE5A-3EE1-4078-B8AD-B193BD3CAED2}" dt="2026-05-25T21:54:08.766" v="4"/>
          <ac:picMkLst>
            <pc:docMk/>
            <pc:sldMk cId="3169871959" sldId="267"/>
            <ac:picMk id="7" creationId="{B98D043F-CE7F-79D2-E2D8-12E847E9C4EC}"/>
          </ac:picMkLst>
        </pc:picChg>
      </pc:sldChg>
    </pc:docChg>
  </pc:docChgLst>
  <pc:docChgLst>
    <pc:chgData name="Mai Korsbæk" userId="d0fe365d-4056-4d9a-adaf-1ff5fceb269a" providerId="ADAL" clId="{A7EFBB1B-8EDD-4432-A666-890FC91379F1}"/>
    <pc:docChg chg="custSel modSld sldOrd">
      <pc:chgData name="Mai Korsbæk" userId="d0fe365d-4056-4d9a-adaf-1ff5fceb269a" providerId="ADAL" clId="{A7EFBB1B-8EDD-4432-A666-890FC91379F1}" dt="2026-05-25T16:17:23.553" v="25"/>
      <pc:docMkLst>
        <pc:docMk/>
      </pc:docMkLst>
      <pc:sldChg chg="ord">
        <pc:chgData name="Mai Korsbæk" userId="d0fe365d-4056-4d9a-adaf-1ff5fceb269a" providerId="ADAL" clId="{A7EFBB1B-8EDD-4432-A666-890FC91379F1}" dt="2026-05-25T16:17:23.553" v="25"/>
        <pc:sldMkLst>
          <pc:docMk/>
          <pc:sldMk cId="2198798688" sldId="264"/>
        </pc:sldMkLst>
      </pc:sldChg>
      <pc:sldChg chg="addSp delSp modSp mod">
        <pc:chgData name="Mai Korsbæk" userId="d0fe365d-4056-4d9a-adaf-1ff5fceb269a" providerId="ADAL" clId="{A7EFBB1B-8EDD-4432-A666-890FC91379F1}" dt="2026-05-22T12:21:02.188" v="23" actId="1076"/>
        <pc:sldMkLst>
          <pc:docMk/>
          <pc:sldMk cId="4245095853" sldId="265"/>
        </pc:sldMkLst>
        <pc:picChg chg="add mod">
          <ac:chgData name="Mai Korsbæk" userId="d0fe365d-4056-4d9a-adaf-1ff5fceb269a" providerId="ADAL" clId="{A7EFBB1B-8EDD-4432-A666-890FC91379F1}" dt="2026-05-22T12:21:02.188" v="23" actId="1076"/>
          <ac:picMkLst>
            <pc:docMk/>
            <pc:sldMk cId="4245095853" sldId="265"/>
            <ac:picMk id="6" creationId="{29DCC2BD-03BD-CB9D-5A6A-06A22FA86F29}"/>
          </ac:picMkLst>
        </pc:picChg>
      </pc:sldChg>
    </pc:docChg>
  </pc:docChgLst>
</pc:chgInfo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1B63F7-EF8D-1442-2805-F90D13F7F62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476B73C6-4021-68D5-1099-5B1540F6C88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45FE5C-42F5-ED25-BFA5-92006F0FA5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D8D708-28BE-2B4D-76EA-65C5F9F1DE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C89D1B-E6BF-1F61-350B-A416EBB702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2091750"/>
      </p:ext>
    </p:extLst>
  </p:cSld>
  <p:clrMapOvr>
    <a:masterClrMapping/>
  </p:clrMapOvr>
  <p:transition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804915-0AA5-88A7-550C-EDDA662671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E87B0AC-256A-DD5C-1FB2-5A51ABFB7B1B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8513A8-DC61-DCAC-BADE-CE9BA1EE393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4F1CA6-2AA6-85A0-F736-1DE71D24076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F0E3D0-868A-15DA-2C55-94052974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42050931"/>
      </p:ext>
    </p:extLst>
  </p:cSld>
  <p:clrMapOvr>
    <a:masterClrMapping/>
  </p:clrMapOvr>
  <p:transition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792D8FEF-8EEC-1D16-8F69-5FF3DA5EC32E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E0F4F87-CA82-C826-169C-6FB5E8F9802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4D8FAE7-3CBB-7B80-6765-1E483D9B8B6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49F97FD-BF40-F2B8-A174-8202C552215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DF56C77-356C-3228-9EE8-7AC8DFA4CB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734078"/>
      </p:ext>
    </p:extLst>
  </p:cSld>
  <p:clrMapOvr>
    <a:masterClrMapping/>
  </p:clrMapOvr>
  <p:transition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7B7F94-F949-C9D2-64CD-B62B7DC798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6E5FE4-1DC9-4259-BC3F-AAA35F55321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C1BD69D-53F3-11C2-CD61-58145ADE391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127DC1-FAE3-D580-F35F-401162D214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095CA33-9D26-98B6-E85B-DDD0450837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621200"/>
      </p:ext>
    </p:extLst>
  </p:cSld>
  <p:clrMapOvr>
    <a:masterClrMapping/>
  </p:clrMapOvr>
  <p:transition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EDBDCC-CCDE-89ED-215B-A5C7B94C5B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5A45BD-B998-CDFD-1526-FDD92DF37BC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82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82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82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D13C8F-2C17-07EA-C35A-A35FBFF6BAE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73E90C3-7845-28AD-B4AB-4E25141A32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17ABC6B-8C7F-938E-F069-4B9182347D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684753"/>
      </p:ext>
    </p:extLst>
  </p:cSld>
  <p:clrMapOvr>
    <a:masterClrMapping/>
  </p:clrMapOvr>
  <p:transition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222F3A-0938-B89E-F4AB-85FEE18072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6260B9D-3512-C97D-CC45-A43A179A5DA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27026FA-4782-12C8-2CC1-2C750945158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E189C04-0833-1C4B-D8A2-3712684FF8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74AB21E-0157-D95F-9FCC-4B063351BDA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AAD5F7A-AE0A-B266-6D5F-8DCFAF7C0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3439003"/>
      </p:ext>
    </p:extLst>
  </p:cSld>
  <p:clrMapOvr>
    <a:masterClrMapping/>
  </p:clrMapOvr>
  <p:transition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7DF502-0597-DE6F-EFAA-91FE7CBC24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65B2D51-88C7-8166-7DF4-05B2412EE19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74D9031-D1F7-2CE0-3119-FE2D72314FE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C584C981-6167-2D0E-C5BB-60431E3459BC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EAFAC50-58D5-0FF1-CA9C-ADFF4B70CC11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32834AD-3601-067D-72FB-6D29B190C1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366F7D6-4AD1-81C2-9724-6BD002051E4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8119DA6-2F99-B552-267C-700E7BCBDF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3766301"/>
      </p:ext>
    </p:extLst>
  </p:cSld>
  <p:clrMapOvr>
    <a:masterClrMapping/>
  </p:clrMapOvr>
  <p:transition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FFD68-AAAD-B847-FEDE-8097587BDC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09AE93F-DDAA-4DD3-F594-609BC950455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BBBD2A4-363A-DAA0-622F-DD627BA811B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016BABE-D66C-7F7F-7ABA-8A59FDD28E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1945003"/>
      </p:ext>
    </p:extLst>
  </p:cSld>
  <p:clrMapOvr>
    <a:masterClrMapping/>
  </p:clrMapOvr>
  <p:transition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E5D7050-3A86-DB26-84B4-1380B38A3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5EE70D8-9614-140C-81C8-4A5C6A3B8B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5A678B-AC33-BD31-7B81-62828144C3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14368598"/>
      </p:ext>
    </p:extLst>
  </p:cSld>
  <p:clrMapOvr>
    <a:masterClrMapping/>
  </p:clrMapOvr>
  <p:transition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037EB7-7A36-D8E2-02CC-749D8CB3F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12C83CD-C860-00EB-932A-D31384975C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22020D6-2495-A29C-DAC2-F0076F1846D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74F7D8A-A545-AF69-94BF-B59A301035E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D14F846-93A0-440A-DF82-A698055FAC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7D9461-0EED-10DF-5196-A303CB95FF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3184505"/>
      </p:ext>
    </p:extLst>
  </p:cSld>
  <p:clrMapOvr>
    <a:masterClrMapping/>
  </p:clrMapOvr>
  <p:transition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3B58D1-A1EA-0634-FAC2-90E4D720AF9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73B24B92-4BA2-E8CE-A1AE-B2657786554E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DB59854-B0B7-287F-B832-2C9C0A998D8E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BAE5A84-FE53-EC4F-4180-C28245FDBDD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5B90BC5-7018-2B6D-B9F7-2475E1AF44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276DC6-615A-374B-A4E6-15D9BD75FDA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49487952"/>
      </p:ext>
    </p:extLst>
  </p:cSld>
  <p:clrMapOvr>
    <a:masterClrMapping/>
  </p:clrMapOvr>
  <p:transition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image" Target="../media/image1.jpeg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3.sv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image" Target="../media/image2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191813B5-2A41-5C27-B7E0-D603DEF4AE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243182-73AD-0D40-3DCC-23A18443DAF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5119043-2191-16F3-BF2E-3BC4C2360E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1A886069-5185-423F-843D-C2F3A033B902}" type="datetimeFigureOut">
              <a:rPr lang="en-US" smtClean="0"/>
              <a:t>5/25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FE4536C-B9BE-F920-FD20-E3C829D7C06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5E17EA-46F5-6E05-831C-C882CC57D7A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80580A79-C1F5-4728-9713-FF2EEEBEE14A}" type="slidenum">
              <a:rPr lang="en-US" smtClean="0"/>
              <a:t>‹#›</a:t>
            </a:fld>
            <a:endParaRPr lang="en-US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5C2412FA-7BC0-A424-7B0F-E88B1275C4BE}"/>
              </a:ext>
            </a:extLst>
          </p:cNvPr>
          <p:cNvPicPr>
            <a:picLocks noChangeAspect="1"/>
          </p:cNvPicPr>
          <p:nvPr userDrawn="1"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60824" b="70881"/>
          <a:stretch>
            <a:fillRect/>
          </a:stretch>
        </p:blipFill>
        <p:spPr>
          <a:xfrm>
            <a:off x="-333774" y="-302609"/>
            <a:ext cx="12708654" cy="7160610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5D9EA4B7-128F-FFBD-509A-250292680A13}"/>
              </a:ext>
            </a:extLst>
          </p:cNvPr>
          <p:cNvPicPr>
            <a:picLocks noChangeAspect="1"/>
          </p:cNvPicPr>
          <p:nvPr userDrawn="1"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71544"/>
          <a:stretch>
            <a:fillRect/>
          </a:stretch>
        </p:blipFill>
        <p:spPr>
          <a:xfrm>
            <a:off x="7126088" y="6225475"/>
            <a:ext cx="463432" cy="313437"/>
          </a:xfrm>
          <a:prstGeom prst="rect">
            <a:avLst/>
          </a:prstGeom>
        </p:spPr>
      </p:pic>
      <p:pic>
        <p:nvPicPr>
          <p:cNvPr id="13" name="Grafik 12">
            <a:extLst>
              <a:ext uri="{FF2B5EF4-FFF2-40B4-BE49-F238E27FC236}">
                <a16:creationId xmlns:a16="http://schemas.microsoft.com/office/drawing/2014/main" id="{E06ED6B2-7B41-CE8C-4AFB-D9A0660F9BC3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7589520" y="6356350"/>
            <a:ext cx="5868162" cy="4663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89927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ransition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jpe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6.jpe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emf"/><Relationship Id="rId2" Type="http://schemas.openxmlformats.org/officeDocument/2006/relationships/image" Target="../media/image25.svg"/><Relationship Id="rId1" Type="http://schemas.openxmlformats.org/officeDocument/2006/relationships/slideLayout" Target="../slideLayouts/slideLayout1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jpeg"/><Relationship Id="rId2" Type="http://schemas.openxmlformats.org/officeDocument/2006/relationships/image" Target="../media/image27.svg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image" Target="../media/image29.svg"/><Relationship Id="rId1" Type="http://schemas.openxmlformats.org/officeDocument/2006/relationships/slideLayout" Target="../slideLayouts/slideLayout6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sv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7" Type="http://schemas.openxmlformats.org/officeDocument/2006/relationships/image" Target="../media/image14.svg"/><Relationship Id="rId2" Type="http://schemas.openxmlformats.org/officeDocument/2006/relationships/image" Target="../media/image9.sv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3.svg"/><Relationship Id="rId5" Type="http://schemas.openxmlformats.org/officeDocument/2006/relationships/image" Target="../media/image12.svg"/><Relationship Id="rId4" Type="http://schemas.openxmlformats.org/officeDocument/2006/relationships/image" Target="../media/image11.sv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svg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svg"/><Relationship Id="rId2" Type="http://schemas.openxmlformats.org/officeDocument/2006/relationships/image" Target="../media/image16.svg"/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sv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jpeg"/><Relationship Id="rId2" Type="http://schemas.openxmlformats.org/officeDocument/2006/relationships/image" Target="../media/image19.svg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22.jpeg"/><Relationship Id="rId4" Type="http://schemas.openxmlformats.org/officeDocument/2006/relationships/image" Target="../media/image21.jpe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sv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22BB1DD-CB74-1C0B-6AF8-C3532A81436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199" y="339000"/>
            <a:ext cx="10881575" cy="1325563"/>
          </a:xfrm>
        </p:spPr>
        <p:txBody>
          <a:bodyPr/>
          <a:lstStyle/>
          <a:p>
            <a:r>
              <a:rPr lang="da-DK" b="1" dirty="0">
                <a:solidFill>
                  <a:schemeClr val="bg1"/>
                </a:solidFill>
                <a:latin typeface="AU Passata" panose="020B0503030502030804" pitchFamily="34" charset="0"/>
              </a:rPr>
              <a:t>Instrument Centre for Danish Astrophysics</a:t>
            </a:r>
          </a:p>
        </p:txBody>
      </p:sp>
      <p:sp>
        <p:nvSpPr>
          <p:cNvPr id="3" name="Titel 1">
            <a:extLst>
              <a:ext uri="{FF2B5EF4-FFF2-40B4-BE49-F238E27FC236}">
                <a16:creationId xmlns:a16="http://schemas.microsoft.com/office/drawing/2014/main" id="{B3FBA0E0-A762-F5F3-B6AF-ACD7FC1D5625}"/>
              </a:ext>
            </a:extLst>
          </p:cNvPr>
          <p:cNvSpPr txBox="1">
            <a:spLocks/>
          </p:cNvSpPr>
          <p:nvPr/>
        </p:nvSpPr>
        <p:spPr>
          <a:xfrm>
            <a:off x="838198" y="1759813"/>
            <a:ext cx="10881575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3200" dirty="0">
                <a:solidFill>
                  <a:schemeClr val="bg1"/>
                </a:solidFill>
                <a:latin typeface="AU Passata" panose="020B0503030502030804" pitchFamily="34" charset="0"/>
              </a:rPr>
              <a:t>Hans Kjeldsen and Mai Korsbæk</a:t>
            </a:r>
          </a:p>
          <a:p>
            <a:pPr algn="ctr"/>
            <a:endParaRPr lang="da-DK" sz="800" dirty="0">
              <a:solidFill>
                <a:schemeClr val="bg1"/>
              </a:solidFill>
              <a:latin typeface="AU Passata" panose="020B0503030502030804" pitchFamily="34" charset="0"/>
            </a:endParaRPr>
          </a:p>
          <a:p>
            <a:pPr algn="ctr"/>
            <a:r>
              <a:rPr lang="da-DK" sz="3200" dirty="0">
                <a:solidFill>
                  <a:schemeClr val="bg1"/>
                </a:solidFill>
                <a:latin typeface="AU Passata" panose="020B0503030502030804" pitchFamily="34" charset="0"/>
              </a:rPr>
              <a:t>Aarhus University, Denmark</a:t>
            </a:r>
          </a:p>
        </p:txBody>
      </p:sp>
      <p:pic>
        <p:nvPicPr>
          <p:cNvPr id="4" name="Picture 2">
            <a:extLst>
              <a:ext uri="{FF2B5EF4-FFF2-40B4-BE49-F238E27FC236}">
                <a16:creationId xmlns:a16="http://schemas.microsoft.com/office/drawing/2014/main" id="{020851BE-48B9-0A21-ED1F-98C6DF7F45ED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2985" t="43878" r="36908" b="24120"/>
          <a:stretch>
            <a:fillRect/>
          </a:stretch>
        </p:blipFill>
        <p:spPr bwMode="auto">
          <a:xfrm>
            <a:off x="114300" y="3231035"/>
            <a:ext cx="4435669" cy="2664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4" descr="NOT Transient Explorer (NTE) – Niels Bohr Institute - University of  Copenhagen">
            <a:extLst>
              <a:ext uri="{FF2B5EF4-FFF2-40B4-BE49-F238E27FC236}">
                <a16:creationId xmlns:a16="http://schemas.microsoft.com/office/drawing/2014/main" id="{F817C083-C1B8-7243-67E7-6814C6A700D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9335" r="46394"/>
          <a:stretch>
            <a:fillRect/>
          </a:stretch>
        </p:blipFill>
        <p:spPr bwMode="auto">
          <a:xfrm>
            <a:off x="4666060" y="3231035"/>
            <a:ext cx="3704924" cy="2664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6" descr="Euclid rendering">
            <a:extLst>
              <a:ext uri="{FF2B5EF4-FFF2-40B4-BE49-F238E27FC236}">
                <a16:creationId xmlns:a16="http://schemas.microsoft.com/office/drawing/2014/main" id="{3D4FA10B-AC40-B284-FFC2-3807C75BA12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290" t="13786" r="24611"/>
          <a:stretch>
            <a:fillRect/>
          </a:stretch>
        </p:blipFill>
        <p:spPr bwMode="auto">
          <a:xfrm>
            <a:off x="8487075" y="3231035"/>
            <a:ext cx="3590625" cy="2664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789978611"/>
      </p:ext>
    </p:extLst>
  </p:cSld>
  <p:clrMapOvr>
    <a:masterClrMapping/>
  </p:clrMapOvr>
  <p:transition/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fik 14">
            <a:extLst>
              <a:ext uri="{FF2B5EF4-FFF2-40B4-BE49-F238E27FC236}">
                <a16:creationId xmlns:a16="http://schemas.microsoft.com/office/drawing/2014/main" id="{B7CD9A9C-AD40-8F37-8CC1-597CA4B35C49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6534151" y="969198"/>
            <a:ext cx="4835708" cy="5281553"/>
          </a:xfrm>
          <a:prstGeom prst="rect">
            <a:avLst/>
          </a:prstGeom>
        </p:spPr>
      </p:pic>
      <p:sp>
        <p:nvSpPr>
          <p:cNvPr id="16" name="Tekstfelt 15">
            <a:extLst>
              <a:ext uri="{FF2B5EF4-FFF2-40B4-BE49-F238E27FC236}">
                <a16:creationId xmlns:a16="http://schemas.microsoft.com/office/drawing/2014/main" id="{2B70C736-4B80-A659-F183-CAF83F8CFA48}"/>
              </a:ext>
            </a:extLst>
          </p:cNvPr>
          <p:cNvSpPr txBox="1"/>
          <p:nvPr/>
        </p:nvSpPr>
        <p:spPr>
          <a:xfrm>
            <a:off x="1027992" y="812276"/>
            <a:ext cx="6896636" cy="76944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4400" b="1" dirty="0">
                <a:solidFill>
                  <a:schemeClr val="bg1"/>
                </a:solidFill>
                <a:latin typeface="AU Passata" panose="020B0503030502030804" pitchFamily="34" charset="0"/>
              </a:rPr>
              <a:t>Education &amp; Innovation</a:t>
            </a:r>
            <a:endParaRPr lang="da-DK" sz="4400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555C7AD6-C226-514C-60B2-5012B42D9332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3655" r="8285"/>
          <a:stretch>
            <a:fillRect/>
          </a:stretch>
        </p:blipFill>
        <p:spPr>
          <a:xfrm>
            <a:off x="1039307" y="1900564"/>
            <a:ext cx="5056693" cy="4643111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3110815253"/>
      </p:ext>
    </p:extLst>
  </p:cSld>
  <p:clrMapOvr>
    <a:masterClrMapping/>
  </p:clrMapOvr>
  <p:transition/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Grafik 6">
            <a:extLst>
              <a:ext uri="{FF2B5EF4-FFF2-40B4-BE49-F238E27FC236}">
                <a16:creationId xmlns:a16="http://schemas.microsoft.com/office/drawing/2014/main" id="{F34A8DEA-0E37-7603-A082-6BB52FD1485C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6329916" y="841444"/>
            <a:ext cx="5246834" cy="5730584"/>
          </a:xfrm>
          <a:prstGeom prst="rect">
            <a:avLst/>
          </a:prstGeom>
        </p:spPr>
      </p:pic>
      <p:sp>
        <p:nvSpPr>
          <p:cNvPr id="8" name="Tekstfelt 7">
            <a:extLst>
              <a:ext uri="{FF2B5EF4-FFF2-40B4-BE49-F238E27FC236}">
                <a16:creationId xmlns:a16="http://schemas.microsoft.com/office/drawing/2014/main" id="{05C88924-8B18-30E2-4E77-5215EEBB7982}"/>
              </a:ext>
            </a:extLst>
          </p:cNvPr>
          <p:cNvSpPr txBox="1"/>
          <p:nvPr/>
        </p:nvSpPr>
        <p:spPr>
          <a:xfrm>
            <a:off x="781104" y="812276"/>
            <a:ext cx="6896636" cy="76944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4400" b="1" dirty="0">
                <a:solidFill>
                  <a:schemeClr val="bg1"/>
                </a:solidFill>
                <a:latin typeface="AU Passata" panose="020B0503030502030804" pitchFamily="34" charset="0"/>
              </a:rPr>
              <a:t>Research Policy &amp; Society</a:t>
            </a:r>
            <a:endParaRPr lang="da-DK" sz="4400" dirty="0"/>
          </a:p>
        </p:txBody>
      </p:sp>
      <p:pic>
        <p:nvPicPr>
          <p:cNvPr id="1026" name="Picture 2" descr="No photo description available.">
            <a:extLst>
              <a:ext uri="{FF2B5EF4-FFF2-40B4-BE49-F238E27FC236}">
                <a16:creationId xmlns:a16="http://schemas.microsoft.com/office/drawing/2014/main" id="{4F635495-7D49-9B0A-58D5-5BDA01CEABB4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1242" b="18117"/>
          <a:stretch>
            <a:fillRect/>
          </a:stretch>
        </p:blipFill>
        <p:spPr bwMode="auto">
          <a:xfrm>
            <a:off x="1673225" y="1979433"/>
            <a:ext cx="4051300" cy="459259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4349713"/>
      </p:ext>
    </p:extLst>
  </p:cSld>
  <p:clrMapOvr>
    <a:masterClrMapping/>
  </p:clrMapOvr>
  <p:transition/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fik 3">
            <a:extLst>
              <a:ext uri="{FF2B5EF4-FFF2-40B4-BE49-F238E27FC236}">
                <a16:creationId xmlns:a16="http://schemas.microsoft.com/office/drawing/2014/main" id="{B9E6889A-29C6-C139-7B91-E1797CB89085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52224" y="567070"/>
            <a:ext cx="5765572" cy="4962009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29DCC2BD-03BD-CB9D-5A6A-06A22FA86F2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00007" y="1188339"/>
            <a:ext cx="2336769" cy="42358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45095853"/>
      </p:ext>
    </p:extLst>
  </p:cSld>
  <p:clrMapOvr>
    <a:masterClrMapping/>
  </p:clrMapOvr>
  <p:transition/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A03E79-4E59-0169-8B67-0B74F529D98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C466150-B6B2-2BD0-DAF8-531C8765736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199" y="365125"/>
            <a:ext cx="10881575" cy="1325563"/>
          </a:xfrm>
        </p:spPr>
        <p:txBody>
          <a:bodyPr/>
          <a:lstStyle/>
          <a:p>
            <a:r>
              <a:rPr lang="da-DK" b="1" dirty="0">
                <a:solidFill>
                  <a:schemeClr val="bg1"/>
                </a:solidFill>
                <a:latin typeface="AU Passata" panose="020B0503030502030804" pitchFamily="34" charset="0"/>
              </a:rPr>
              <a:t>Instrument Centre for Danish Astrophysics</a:t>
            </a:r>
          </a:p>
        </p:txBody>
      </p:sp>
      <p:pic>
        <p:nvPicPr>
          <p:cNvPr id="5" name="Grafik 4">
            <a:extLst>
              <a:ext uri="{FF2B5EF4-FFF2-40B4-BE49-F238E27FC236}">
                <a16:creationId xmlns:a16="http://schemas.microsoft.com/office/drawing/2014/main" id="{08282E55-42B7-14B5-0F4C-8EA7E7BE1F0F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998920" y="1875820"/>
            <a:ext cx="9134381" cy="42413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67183787"/>
      </p:ext>
    </p:extLst>
  </p:cSld>
  <p:clrMapOvr>
    <a:masterClrMapping/>
  </p:clrMapOvr>
  <p:transition/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BEE7A61-0A27-A0DB-7955-2F69A9B984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619" y="129268"/>
            <a:ext cx="10515600" cy="1325563"/>
          </a:xfrm>
        </p:spPr>
        <p:txBody>
          <a:bodyPr/>
          <a:lstStyle/>
          <a:p>
            <a:r>
              <a:rPr lang="da-DK" b="1" dirty="0">
                <a:solidFill>
                  <a:schemeClr val="bg1"/>
                </a:solidFill>
                <a:latin typeface="AU Passata" panose="020B0503030502030804" pitchFamily="34" charset="0"/>
              </a:rPr>
              <a:t>IDA Ecosystem</a:t>
            </a: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2A26FD0A-1D28-50F2-ABF5-F68A9C3AA2E5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691432" y="283336"/>
            <a:ext cx="8667467" cy="57826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26163997"/>
      </p:ext>
    </p:extLst>
  </p:cSld>
  <p:clrMapOvr>
    <a:masterClrMapping/>
  </p:clrMapOvr>
  <p:transition/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EC10394B-528C-8311-9B6C-2E69853E5D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</p:spPr>
        <p:txBody>
          <a:bodyPr/>
          <a:lstStyle/>
          <a:p>
            <a:r>
              <a:rPr lang="en-US" b="1" dirty="0">
                <a:solidFill>
                  <a:schemeClr val="bg1"/>
                </a:solidFill>
                <a:latin typeface="AU Passata" panose="020B0503030502030804" pitchFamily="34" charset="0"/>
              </a:rPr>
              <a:t>IDA </a:t>
            </a:r>
            <a:r>
              <a:rPr lang="en-US" b="1" dirty="0" err="1">
                <a:solidFill>
                  <a:schemeClr val="bg1"/>
                </a:solidFill>
                <a:latin typeface="AU Passata" panose="020B0503030502030804" pitchFamily="34" charset="0"/>
              </a:rPr>
              <a:t>Organisational</a:t>
            </a:r>
            <a:r>
              <a:rPr lang="en-US" b="1" dirty="0">
                <a:solidFill>
                  <a:schemeClr val="bg1"/>
                </a:solidFill>
                <a:latin typeface="AU Passata" panose="020B0503030502030804" pitchFamily="34" charset="0"/>
              </a:rPr>
              <a:t> structure</a:t>
            </a: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98595CE2-FE74-969E-BB69-72FC8C3DEDC7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838200" y="997037"/>
            <a:ext cx="5713736" cy="5184687"/>
          </a:xfrm>
          <a:prstGeom prst="rect">
            <a:avLst/>
          </a:prstGeom>
        </p:spPr>
      </p:pic>
      <p:pic>
        <p:nvPicPr>
          <p:cNvPr id="8" name="Grafik 7">
            <a:extLst>
              <a:ext uri="{FF2B5EF4-FFF2-40B4-BE49-F238E27FC236}">
                <a16:creationId xmlns:a16="http://schemas.microsoft.com/office/drawing/2014/main" id="{423F8FBC-03EF-9A02-B6A0-52365E15ED84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44053" y="4269678"/>
            <a:ext cx="1002834" cy="522213"/>
          </a:xfrm>
          <a:prstGeom prst="rect">
            <a:avLst/>
          </a:prstGeom>
        </p:spPr>
      </p:pic>
      <p:pic>
        <p:nvPicPr>
          <p:cNvPr id="12" name="Grafik 11">
            <a:extLst>
              <a:ext uri="{FF2B5EF4-FFF2-40B4-BE49-F238E27FC236}">
                <a16:creationId xmlns:a16="http://schemas.microsoft.com/office/drawing/2014/main" id="{6ACDA679-DFA6-2D8D-7793-64775AEB9544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525875" y="4037756"/>
            <a:ext cx="1897037" cy="986059"/>
          </a:xfrm>
          <a:prstGeom prst="rect">
            <a:avLst/>
          </a:prstGeom>
        </p:spPr>
      </p:pic>
      <p:pic>
        <p:nvPicPr>
          <p:cNvPr id="14" name="Grafik 13">
            <a:extLst>
              <a:ext uri="{FF2B5EF4-FFF2-40B4-BE49-F238E27FC236}">
                <a16:creationId xmlns:a16="http://schemas.microsoft.com/office/drawing/2014/main" id="{14352FDF-BD79-ECB8-0B95-394331731839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324214" y="4956972"/>
            <a:ext cx="440599" cy="643953"/>
          </a:xfrm>
          <a:prstGeom prst="rect">
            <a:avLst/>
          </a:prstGeom>
        </p:spPr>
      </p:pic>
      <p:pic>
        <p:nvPicPr>
          <p:cNvPr id="16" name="Grafik 15">
            <a:extLst>
              <a:ext uri="{FF2B5EF4-FFF2-40B4-BE49-F238E27FC236}">
                <a16:creationId xmlns:a16="http://schemas.microsoft.com/office/drawing/2014/main" id="{361EE69C-E9C5-F4E6-4639-055E410126CB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8150177" y="5311572"/>
            <a:ext cx="1375698" cy="289353"/>
          </a:xfrm>
          <a:prstGeom prst="rect">
            <a:avLst/>
          </a:prstGeom>
        </p:spPr>
      </p:pic>
      <p:pic>
        <p:nvPicPr>
          <p:cNvPr id="18" name="Grafik 17">
            <a:extLst>
              <a:ext uri="{FF2B5EF4-FFF2-40B4-BE49-F238E27FC236}">
                <a16:creationId xmlns:a16="http://schemas.microsoft.com/office/drawing/2014/main" id="{D97AF620-4323-C3C9-0405-C4643BBD0435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822949" y="5395742"/>
            <a:ext cx="3605536" cy="7859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24135392"/>
      </p:ext>
    </p:extLst>
  </p:cSld>
  <p:clrMapOvr>
    <a:masterClrMapping/>
  </p:clrMapOvr>
  <p:transition/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7435A38-85D4-8A38-27D0-8B9A50C489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b="1" dirty="0">
                <a:solidFill>
                  <a:schemeClr val="bg1"/>
                </a:solidFill>
                <a:latin typeface="AU Passata" panose="020B0503030502030804" pitchFamily="34" charset="0"/>
              </a:rPr>
              <a:t>IDA Working Groups</a:t>
            </a: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30F45C48-C1E7-256C-AF73-CD35914DA203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321849" y="1027358"/>
            <a:ext cx="10660475" cy="72328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6347059"/>
      </p:ext>
    </p:extLst>
  </p:cSld>
  <p:clrMapOvr>
    <a:masterClrMapping/>
  </p:clrMapOvr>
  <p:transition/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A081452-A87E-8512-5477-A83852732B9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b="1" dirty="0">
                <a:solidFill>
                  <a:schemeClr val="bg1"/>
                </a:solidFill>
                <a:latin typeface="AU Passata" panose="020B0503030502030804" pitchFamily="34" charset="0"/>
              </a:rPr>
              <a:t>Mission &amp; Vision </a:t>
            </a: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6A614FC3-2813-F66A-43DB-AA4D974C074E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265721" y="1190625"/>
            <a:ext cx="6555158" cy="5122170"/>
          </a:xfrm>
          <a:prstGeom prst="rect">
            <a:avLst/>
          </a:prstGeom>
        </p:spPr>
      </p:pic>
      <p:pic>
        <p:nvPicPr>
          <p:cNvPr id="8" name="Grafik 7">
            <a:extLst>
              <a:ext uri="{FF2B5EF4-FFF2-40B4-BE49-F238E27FC236}">
                <a16:creationId xmlns:a16="http://schemas.microsoft.com/office/drawing/2014/main" id="{75973CAD-0455-E84B-54AA-15C737118B0E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695950" y="1171575"/>
            <a:ext cx="6962268" cy="47983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8798688"/>
      </p:ext>
    </p:extLst>
  </p:cSld>
  <p:clrMapOvr>
    <a:masterClrMapping/>
  </p:clrMapOvr>
  <p:transition/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Grafik 6">
            <a:extLst>
              <a:ext uri="{FF2B5EF4-FFF2-40B4-BE49-F238E27FC236}">
                <a16:creationId xmlns:a16="http://schemas.microsoft.com/office/drawing/2014/main" id="{6A80E18E-3236-EF8C-3624-C5F2DFCAD915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28788" y="2193522"/>
            <a:ext cx="12192000" cy="4428545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9343B850-EC23-42DD-7A8A-EB5FB9F2ED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</p:spPr>
        <p:txBody>
          <a:bodyPr/>
          <a:lstStyle/>
          <a:p>
            <a:r>
              <a:rPr lang="en-US" b="1" dirty="0">
                <a:solidFill>
                  <a:schemeClr val="bg1"/>
                </a:solidFill>
                <a:latin typeface="AU Passata" panose="020B0503030502030804" pitchFamily="34" charset="0"/>
              </a:rPr>
              <a:t>Denmark’s membership of International Research Infrastructure</a:t>
            </a:r>
          </a:p>
        </p:txBody>
      </p:sp>
    </p:spTree>
    <p:extLst>
      <p:ext uri="{BB962C8B-B14F-4D97-AF65-F5344CB8AC3E}">
        <p14:creationId xmlns:p14="http://schemas.microsoft.com/office/powerpoint/2010/main" val="2559779808"/>
      </p:ext>
    </p:extLst>
  </p:cSld>
  <p:clrMapOvr>
    <a:masterClrMapping/>
  </p:clrMapOvr>
  <p:transition/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Grafik 6">
            <a:extLst>
              <a:ext uri="{FF2B5EF4-FFF2-40B4-BE49-F238E27FC236}">
                <a16:creationId xmlns:a16="http://schemas.microsoft.com/office/drawing/2014/main" id="{11DBDD92-E87B-A204-B8B2-9FEC89C880A0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6358270" y="1181608"/>
            <a:ext cx="5197216" cy="5676392"/>
          </a:xfrm>
          <a:prstGeom prst="rect">
            <a:avLst/>
          </a:prstGeom>
        </p:spPr>
      </p:pic>
      <p:sp>
        <p:nvSpPr>
          <p:cNvPr id="9" name="Tekstfelt 8">
            <a:extLst>
              <a:ext uri="{FF2B5EF4-FFF2-40B4-BE49-F238E27FC236}">
                <a16:creationId xmlns:a16="http://schemas.microsoft.com/office/drawing/2014/main" id="{6AD8A728-6439-4222-A62F-E992C9E86975}"/>
              </a:ext>
            </a:extLst>
          </p:cNvPr>
          <p:cNvSpPr txBox="1"/>
          <p:nvPr/>
        </p:nvSpPr>
        <p:spPr>
          <a:xfrm>
            <a:off x="854256" y="812276"/>
            <a:ext cx="6896636" cy="76944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4400" b="1" dirty="0">
                <a:solidFill>
                  <a:schemeClr val="bg1"/>
                </a:solidFill>
                <a:latin typeface="AU Passata" panose="020B0503030502030804" pitchFamily="34" charset="0"/>
              </a:rPr>
              <a:t>Scientific Use</a:t>
            </a:r>
            <a:endParaRPr lang="da-DK" sz="4400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E552231-7E31-9ADB-EE7F-8A59937BA00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1994" t="38666" r="42782" b="24120"/>
          <a:stretch>
            <a:fillRect/>
          </a:stretch>
        </p:blipFill>
        <p:spPr bwMode="auto">
          <a:xfrm>
            <a:off x="628870" y="3609973"/>
            <a:ext cx="2653984" cy="244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Picture 2" descr="Mounted image 126: The VLT in Action | ESO Danmark">
            <a:extLst>
              <a:ext uri="{FF2B5EF4-FFF2-40B4-BE49-F238E27FC236}">
                <a16:creationId xmlns:a16="http://schemas.microsoft.com/office/drawing/2014/main" id="{E29C54FC-BE57-B461-2CE9-D924A7848DC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53321" b="26210"/>
          <a:stretch>
            <a:fillRect/>
          </a:stretch>
        </p:blipFill>
        <p:spPr bwMode="auto">
          <a:xfrm>
            <a:off x="628871" y="2238505"/>
            <a:ext cx="6002304" cy="122859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2" descr="The Milky Way above the antennas of ALMA">
            <a:extLst>
              <a:ext uri="{FF2B5EF4-FFF2-40B4-BE49-F238E27FC236}">
                <a16:creationId xmlns:a16="http://schemas.microsoft.com/office/drawing/2014/main" id="{E4D602CC-AF35-C560-FFAF-711343A55A9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299" t="11673" r="11242" b="-1174"/>
          <a:stretch>
            <a:fillRect/>
          </a:stretch>
        </p:blipFill>
        <p:spPr bwMode="auto">
          <a:xfrm>
            <a:off x="3496509" y="3609973"/>
            <a:ext cx="3134666" cy="244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353455780"/>
      </p:ext>
    </p:extLst>
  </p:cSld>
  <p:clrMapOvr>
    <a:masterClrMapping/>
  </p:clrMapOvr>
  <p:transition/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fik 2">
            <a:extLst>
              <a:ext uri="{FF2B5EF4-FFF2-40B4-BE49-F238E27FC236}">
                <a16:creationId xmlns:a16="http://schemas.microsoft.com/office/drawing/2014/main" id="{27582C78-DD4E-84F3-DE9F-99BBB12C0B81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6368238" y="1196996"/>
            <a:ext cx="5194891" cy="5660471"/>
          </a:xfrm>
          <a:prstGeom prst="rect">
            <a:avLst/>
          </a:prstGeom>
        </p:spPr>
      </p:pic>
      <p:sp>
        <p:nvSpPr>
          <p:cNvPr id="4" name="Tekstfelt 3">
            <a:extLst>
              <a:ext uri="{FF2B5EF4-FFF2-40B4-BE49-F238E27FC236}">
                <a16:creationId xmlns:a16="http://schemas.microsoft.com/office/drawing/2014/main" id="{C2C34567-59CD-7136-64DD-5C6AA3BF6CDA}"/>
              </a:ext>
            </a:extLst>
          </p:cNvPr>
          <p:cNvSpPr txBox="1"/>
          <p:nvPr/>
        </p:nvSpPr>
        <p:spPr>
          <a:xfrm>
            <a:off x="1046280" y="812276"/>
            <a:ext cx="6896636" cy="76944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4400" b="1" dirty="0">
                <a:solidFill>
                  <a:schemeClr val="bg1"/>
                </a:solidFill>
                <a:latin typeface="AU Passata" panose="020B0503030502030804" pitchFamily="34" charset="0"/>
              </a:rPr>
              <a:t>Strategic Infrastructure</a:t>
            </a:r>
            <a:endParaRPr lang="da-DK" sz="44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98D043F-CE7F-79D2-E2D8-12E847E9C4E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27014" y="2433267"/>
            <a:ext cx="5459486" cy="75004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69871959"/>
      </p:ext>
    </p:extLst>
  </p:cSld>
  <p:clrMapOvr>
    <a:masterClrMapping/>
  </p:clrMapOvr>
  <p:transition/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S_NET" val="6.0.27"/>
  <p:tag name="AS_OS" val="Unix 6.5.0.1014"/>
  <p:tag name="AS_RELEASE_DATE" val="2023.08.14"/>
  <p:tag name="AS_TITLE" val="Aspose.Slides for .NET Standard 2.0"/>
  <p:tag name="AS_VERSION" val="23.8"/>
</p:tagLst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Aptos Display" panose="02110004020202020204"/>
        <a:cs typeface="Arial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Aptos" panose="02110004020202020204"/>
        <a:cs typeface="Arial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105488484821604761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386C9AF7-FC43-4772-BF6D-26FE95C56D62}">
  <ds:schemaRefs/>
</ds:datastoreItem>
</file>

<file path=customXml/itemProps2.xml><?xml version="1.0" encoding="utf-8"?>
<ds:datastoreItem xmlns:ds="http://schemas.openxmlformats.org/officeDocument/2006/customXml" ds:itemID="{C5938109-F486-41EA-929F-D7DF65C5D6B1}">
  <ds:schemaRefs/>
</ds:datastoreItem>
</file>

<file path=customXml/itemProps3.xml><?xml version="1.0" encoding="utf-8"?>
<ds:datastoreItem xmlns:ds="http://schemas.openxmlformats.org/officeDocument/2006/customXml" ds:itemID="{C60B9EDF-596D-4F67-B5E3-411D55B8E8FC}">
  <ds:schemaRefs/>
</ds:datastoreItem>
</file>

<file path=customXml/itemProps4.xml><?xml version="1.0" encoding="utf-8"?>
<ds:datastoreItem xmlns:ds="http://schemas.openxmlformats.org/officeDocument/2006/customXml" ds:itemID="{B69ABF3A-B169-44F9-86AC-4E29FB2A260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276</TotalTime>
  <Words>47</Words>
  <Application>Microsoft Office PowerPoint</Application>
  <PresentationFormat>Widescreen</PresentationFormat>
  <Paragraphs>14</Paragraphs>
  <Slides>1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7" baseType="lpstr">
      <vt:lpstr>Aptos</vt:lpstr>
      <vt:lpstr>Aptos Display</vt:lpstr>
      <vt:lpstr>Arial</vt:lpstr>
      <vt:lpstr>AU Passata</vt:lpstr>
      <vt:lpstr>Office Theme</vt:lpstr>
      <vt:lpstr>Instrument Centre for Danish Astrophysics</vt:lpstr>
      <vt:lpstr>Instrument Centre for Danish Astrophysics</vt:lpstr>
      <vt:lpstr>IDA Ecosystem</vt:lpstr>
      <vt:lpstr>IDA Organisational structure</vt:lpstr>
      <vt:lpstr>IDA Working Groups</vt:lpstr>
      <vt:lpstr>Mission &amp; Vision </vt:lpstr>
      <vt:lpstr>Denmark’s membership of International Research Infrastructure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i Korsbæk</dc:creator>
  <cp:keywords/>
  <dc:description/>
  <cp:lastModifiedBy>Hans Kjeldsen</cp:lastModifiedBy>
  <cp:revision>4</cp:revision>
  <dcterms:created xsi:type="dcterms:W3CDTF">2026-01-16T09:24:25Z</dcterms:created>
  <dcterms:modified xsi:type="dcterms:W3CDTF">2026-05-25T21:56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1-22T08:25:59</vt:lpwstr>
  </property>
  <property fmtid="{D5CDD505-2E9C-101B-9397-08002B2CF9AE}" pid="3" name="TemplafyTenantId">
    <vt:lpwstr>auoffice</vt:lpwstr>
  </property>
  <property fmtid="{D5CDD505-2E9C-101B-9397-08002B2CF9AE}" pid="4" name="TemplafyTemplateId">
    <vt:lpwstr>1054884838842826800</vt:lpwstr>
  </property>
  <property fmtid="{D5CDD505-2E9C-101B-9397-08002B2CF9AE}" pid="5" name="TemplafyUserProfileId">
    <vt:lpwstr>1214409364595015791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